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435"/>
  </bookViews>
  <sheets>
    <sheet name="第10表" sheetId="1" r:id="rId1"/>
  </sheets>
  <externalReferences>
    <externalReference r:id="rId2"/>
  </externalReferences>
  <definedNames>
    <definedName name="_Key1" localSheetId="0" hidden="1">#REF!</definedName>
    <definedName name="_Key1" hidden="1">#REF!</definedName>
    <definedName name="_Order1" hidden="1">255</definedName>
    <definedName name="_Sort" localSheetId="0" hidden="1">#REF!</definedName>
    <definedName name="_Sort" hidden="1">#REF!</definedName>
    <definedName name="_xlnm.Print_Area" localSheetId="0">第10表!$A$1:$K$29</definedName>
    <definedName name="月報">"グラフ 1"</definedName>
    <definedName name="市名">[1]様式1!$X$6:$X$9</definedName>
    <definedName name="第１表2011年10月分">#REF!</definedName>
    <definedName name="第１表2011年11月分">#REF!</definedName>
    <definedName name="第１表2011年１月分">#REF!</definedName>
    <definedName name="第１表2011年２月分">#REF!</definedName>
    <definedName name="第１表2011年３月分">#REF!</definedName>
    <definedName name="第１表2011年４月分">#REF!</definedName>
    <definedName name="第１表2011年５月分">#REF!</definedName>
    <definedName name="第１表2011年６月分">#REF!</definedName>
    <definedName name="第１表2011年７月分">#REF!</definedName>
    <definedName name="第１表2011年８月分">#REF!</definedName>
    <definedName name="第１表2011年９月分">#REF!</definedName>
    <definedName name="第５表の１2011年10月分">#REF!</definedName>
    <definedName name="第５表の１2011年11月分">#REF!</definedName>
    <definedName name="第５表の１2011年12月分">#REF!</definedName>
    <definedName name="第５表の１2011年１月分">#REF!</definedName>
    <definedName name="第５表の１2011年２月分">#REF!</definedName>
    <definedName name="第５表の１2011年３月分">#REF!</definedName>
    <definedName name="第５表の１2011年４月分">#REF!</definedName>
    <definedName name="第５表の１2011年５月分">#REF!</definedName>
    <definedName name="第５表の１2011年６月分">#REF!</definedName>
    <definedName name="第５表の１2011年７月分">#REF!</definedName>
    <definedName name="第５表の１2011年８月分">#REF!</definedName>
    <definedName name="第５表の１2011年９月分">#REF!</definedName>
    <definedName name="第５表の２2011年10月分">#REF!</definedName>
    <definedName name="第５表の２2011年11月分">#REF!</definedName>
    <definedName name="第５表の２2011年12月分">#REF!</definedName>
    <definedName name="第５表の２2011年１月分">#REF!</definedName>
    <definedName name="第５表の２2011年２月分">#REF!</definedName>
    <definedName name="第５表の２2011年３月分">#REF!</definedName>
    <definedName name="第５表の２2011年４月分">#REF!</definedName>
    <definedName name="第５表の２2011年５月分">#REF!</definedName>
    <definedName name="第５表の２2011年６月分">#REF!</definedName>
    <definedName name="第５表の２2011年７月分">#REF!</definedName>
    <definedName name="第５表の２2011年８月分">#REF!</definedName>
    <definedName name="第５表の２2011年９月分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7" uniqueCount="30">
  <si>
    <t>地域別人口増減及び増減率</t>
    <rPh sb="0" eb="5">
      <t>チイキベツジンコウ</t>
    </rPh>
    <rPh sb="5" eb="8">
      <t>ゾウゲンオヨ</t>
    </rPh>
    <rPh sb="9" eb="11">
      <t>ゾウゲン</t>
    </rPh>
    <rPh sb="11" eb="12">
      <t>リツ</t>
    </rPh>
    <phoneticPr fontId="2"/>
  </si>
  <si>
    <t>第10表</t>
    <rPh sb="0" eb="1">
      <t>ダイ</t>
    </rPh>
    <rPh sb="3" eb="4">
      <t>ヒョウ</t>
    </rPh>
    <phoneticPr fontId="2"/>
  </si>
  <si>
    <t>地域（※）</t>
    <rPh sb="0" eb="2">
      <t>チイキ</t>
    </rPh>
    <phoneticPr fontId="2"/>
  </si>
  <si>
    <t>人口</t>
    <rPh sb="0" eb="2">
      <t>ジンコウ</t>
    </rPh>
    <phoneticPr fontId="2"/>
  </si>
  <si>
    <t>人口総数
割合</t>
    <rPh sb="0" eb="2">
      <t>ジンコウ</t>
    </rPh>
    <rPh sb="2" eb="4">
      <t>ソウスウ</t>
    </rPh>
    <rPh sb="5" eb="7">
      <t>ワリアイ</t>
    </rPh>
    <phoneticPr fontId="2"/>
  </si>
  <si>
    <t>年　　間
人口増減</t>
    <rPh sb="0" eb="1">
      <t>トシ</t>
    </rPh>
    <rPh sb="3" eb="4">
      <t>アイダ</t>
    </rPh>
    <rPh sb="5" eb="7">
      <t>ジンコウ</t>
    </rPh>
    <rPh sb="7" eb="9">
      <t>ゾウゲン</t>
    </rPh>
    <phoneticPr fontId="2"/>
  </si>
  <si>
    <t>自然増減</t>
    <rPh sb="0" eb="4">
      <t>シゼンゾウゲン</t>
    </rPh>
    <phoneticPr fontId="2"/>
  </si>
  <si>
    <t>社会増減</t>
    <rPh sb="0" eb="4">
      <t>シャカイゾウゲン</t>
    </rPh>
    <phoneticPr fontId="2"/>
  </si>
  <si>
    <t>増減率</t>
    <rPh sb="0" eb="3">
      <t>ゾウゲンリツ</t>
    </rPh>
    <phoneticPr fontId="2"/>
  </si>
  <si>
    <t>人</t>
    <rPh sb="0" eb="1">
      <t>ヒト</t>
    </rPh>
    <phoneticPr fontId="2"/>
  </si>
  <si>
    <t>％</t>
    <phoneticPr fontId="2"/>
  </si>
  <si>
    <t>％</t>
    <phoneticPr fontId="2"/>
  </si>
  <si>
    <t>県計</t>
    <rPh sb="0" eb="2">
      <t>ケンケイ</t>
    </rPh>
    <phoneticPr fontId="2"/>
  </si>
  <si>
    <t>横浜</t>
    <rPh sb="0" eb="2">
      <t>ヨコハマ</t>
    </rPh>
    <phoneticPr fontId="2"/>
  </si>
  <si>
    <t>川崎</t>
    <rPh sb="0" eb="2">
      <t>カワサキ</t>
    </rPh>
    <phoneticPr fontId="2"/>
  </si>
  <si>
    <t>横須賀三浦</t>
    <rPh sb="0" eb="5">
      <t>ヨコスカミウラ</t>
    </rPh>
    <phoneticPr fontId="2"/>
  </si>
  <si>
    <t>県央</t>
    <rPh sb="0" eb="2">
      <t>ケンオウ</t>
    </rPh>
    <phoneticPr fontId="2"/>
  </si>
  <si>
    <t>湘南</t>
    <rPh sb="0" eb="2">
      <t>ショウナン</t>
    </rPh>
    <phoneticPr fontId="2"/>
  </si>
  <si>
    <t>県西</t>
    <rPh sb="0" eb="2">
      <t>ケンセイ</t>
    </rPh>
    <phoneticPr fontId="2"/>
  </si>
  <si>
    <t>・・・・・・・・・・</t>
    <phoneticPr fontId="2"/>
  </si>
  <si>
    <t>横浜市</t>
    <rPh sb="0" eb="3">
      <t>ヨコハマシ</t>
    </rPh>
    <phoneticPr fontId="2"/>
  </si>
  <si>
    <t>・・・・・・・・・・</t>
    <phoneticPr fontId="2"/>
  </si>
  <si>
    <t>川崎市</t>
    <rPh sb="0" eb="3">
      <t>カワサキシ</t>
    </rPh>
    <phoneticPr fontId="2"/>
  </si>
  <si>
    <t>横須賀市、鎌倉市、逗子市、三浦市、葉山町</t>
    <rPh sb="0" eb="4">
      <t>ヨコスカシ</t>
    </rPh>
    <rPh sb="5" eb="8">
      <t>カマクラシ</t>
    </rPh>
    <rPh sb="9" eb="12">
      <t>ズシシ</t>
    </rPh>
    <rPh sb="13" eb="16">
      <t>ミウラシ</t>
    </rPh>
    <rPh sb="17" eb="20">
      <t>ハヤママチ</t>
    </rPh>
    <phoneticPr fontId="2"/>
  </si>
  <si>
    <t>相模原市、厚木市、大和市、海老名市、座間市、綾瀬市、愛川町、清川村</t>
    <rPh sb="0" eb="4">
      <t>サガミハラシ</t>
    </rPh>
    <rPh sb="5" eb="8">
      <t>アツギシ</t>
    </rPh>
    <rPh sb="9" eb="12">
      <t>ヤマトシ</t>
    </rPh>
    <rPh sb="13" eb="17">
      <t>エビナシ</t>
    </rPh>
    <rPh sb="18" eb="21">
      <t>ザマシ</t>
    </rPh>
    <rPh sb="22" eb="25">
      <t>アヤセシ</t>
    </rPh>
    <rPh sb="26" eb="29">
      <t>アイカワマチ</t>
    </rPh>
    <rPh sb="30" eb="33">
      <t>キヨカワムラ</t>
    </rPh>
    <phoneticPr fontId="2"/>
  </si>
  <si>
    <t>平塚市、藤沢市、茅ヶ崎市、秦野市、伊勢原市、寒川町、大磯町、二宮町</t>
    <rPh sb="0" eb="3">
      <t>ヒラツカシ</t>
    </rPh>
    <rPh sb="4" eb="7">
      <t>フジサワシ</t>
    </rPh>
    <rPh sb="13" eb="16">
      <t>ハダノシ</t>
    </rPh>
    <rPh sb="17" eb="21">
      <t>イセハラシ</t>
    </rPh>
    <rPh sb="22" eb="25">
      <t>サムカワマチ</t>
    </rPh>
    <rPh sb="26" eb="29">
      <t>オオイソマチ</t>
    </rPh>
    <rPh sb="30" eb="33">
      <t>ニノミヤマチ</t>
    </rPh>
    <phoneticPr fontId="2"/>
  </si>
  <si>
    <t>小田原市、南足柄市、中井町、大井町、松田町、山北町、開成町、箱根町、真鶴町、湯河原町</t>
    <rPh sb="0" eb="4">
      <t>オダワラシ</t>
    </rPh>
    <rPh sb="5" eb="9">
      <t>ミナミアシガラシ</t>
    </rPh>
    <rPh sb="10" eb="13">
      <t>ナカイマチ</t>
    </rPh>
    <rPh sb="14" eb="17">
      <t>オオイマチ</t>
    </rPh>
    <rPh sb="18" eb="21">
      <t>マツダマチ</t>
    </rPh>
    <rPh sb="22" eb="25">
      <t>ヤマキタマチ</t>
    </rPh>
    <rPh sb="26" eb="29">
      <t>カイセイマチ</t>
    </rPh>
    <rPh sb="30" eb="33">
      <t>ハコネマチ</t>
    </rPh>
    <rPh sb="34" eb="37">
      <t>マナヅルマチ</t>
    </rPh>
    <rPh sb="38" eb="42">
      <t>ユガワラマチ</t>
    </rPh>
    <phoneticPr fontId="2"/>
  </si>
  <si>
    <t>(令和3年中)</t>
  </si>
  <si>
    <t>※地域(令和4年１月１日現在)</t>
  </si>
  <si>
    <t>(注)人口は令和4年１月１日現在。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4">
    <numFmt numFmtId="176" formatCode="#,##0_ "/>
    <numFmt numFmtId="177" formatCode="0.0_ "/>
    <numFmt numFmtId="178" formatCode="#,##0.00_ "/>
    <numFmt numFmtId="179" formatCode="0.0_);[Red]\(0.0\)"/>
  </numFmts>
  <fonts count="6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sz val="11"/>
      <name val="明朝"/>
      <family val="1"/>
      <charset val="128"/>
    </font>
    <font>
      <sz val="9"/>
      <color theme="1"/>
      <name val="HGPｺﾞｼｯｸM"/>
      <family val="3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/>
  </cellStyleXfs>
  <cellXfs count="53">
    <xf numFmtId="0" fontId="0" fillId="0" borderId="0" xfId="0">
      <alignment vertical="center"/>
    </xf>
    <xf numFmtId="0" fontId="3" fillId="0" borderId="0" xfId="0" applyFont="1">
      <alignment vertical="center"/>
    </xf>
    <xf numFmtId="0" fontId="1" fillId="0" borderId="0" xfId="0" applyFont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11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4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7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9" xfId="0" applyFont="1" applyBorder="1" applyAlignment="1">
      <alignment horizontal="right" vertical="center"/>
    </xf>
    <xf numFmtId="0" fontId="3" fillId="0" borderId="19" xfId="0" applyFont="1" applyBorder="1" applyAlignment="1">
      <alignment horizontal="right" vertical="center"/>
    </xf>
    <xf numFmtId="0" fontId="3" fillId="0" borderId="20" xfId="0" applyFont="1" applyBorder="1" applyAlignment="1">
      <alignment horizontal="right" vertical="center"/>
    </xf>
    <xf numFmtId="0" fontId="3" fillId="0" borderId="7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176" fontId="3" fillId="0" borderId="9" xfId="0" applyNumberFormat="1" applyFont="1" applyBorder="1">
      <alignment vertical="center"/>
    </xf>
    <xf numFmtId="177" fontId="3" fillId="0" borderId="9" xfId="0" applyNumberFormat="1" applyFont="1" applyBorder="1">
      <alignment vertical="center"/>
    </xf>
    <xf numFmtId="176" fontId="3" fillId="0" borderId="19" xfId="0" applyNumberFormat="1" applyFont="1" applyBorder="1">
      <alignment vertical="center"/>
    </xf>
    <xf numFmtId="178" fontId="3" fillId="0" borderId="9" xfId="0" applyNumberFormat="1" applyFont="1" applyBorder="1">
      <alignment vertical="center"/>
    </xf>
    <xf numFmtId="178" fontId="3" fillId="0" borderId="20" xfId="0" applyNumberFormat="1" applyFont="1" applyBorder="1">
      <alignment vertical="center"/>
    </xf>
    <xf numFmtId="0" fontId="3" fillId="0" borderId="21" xfId="0" applyFont="1" applyBorder="1">
      <alignment vertical="center"/>
    </xf>
    <xf numFmtId="0" fontId="3" fillId="0" borderId="22" xfId="0" applyFont="1" applyBorder="1">
      <alignment vertical="center"/>
    </xf>
    <xf numFmtId="176" fontId="3" fillId="0" borderId="23" xfId="0" applyNumberFormat="1" applyFont="1" applyBorder="1">
      <alignment vertical="center"/>
    </xf>
    <xf numFmtId="179" fontId="3" fillId="0" borderId="23" xfId="0" applyNumberFormat="1" applyFont="1" applyBorder="1">
      <alignment vertical="center"/>
    </xf>
    <xf numFmtId="176" fontId="3" fillId="0" borderId="24" xfId="0" applyNumberFormat="1" applyFont="1" applyBorder="1">
      <alignment vertical="center"/>
    </xf>
    <xf numFmtId="176" fontId="3" fillId="0" borderId="25" xfId="0" applyNumberFormat="1" applyFont="1" applyBorder="1">
      <alignment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16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8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17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10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2" xfId="0" applyFont="1" applyBorder="1" applyAlignment="1"/>
    <xf numFmtId="0" fontId="5" fillId="0" borderId="0" xfId="0" applyFont="1" applyAlignment="1">
      <alignment horizontal="left" vertical="center"/>
    </xf>
    <xf numFmtId="0" fontId="5" fillId="0" borderId="0" xfId="0" applyFont="1">
      <alignment vertical="center"/>
    </xf>
    <xf numFmtId="0" fontId="5" fillId="0" borderId="0" xfId="0" applyFont="1" applyAlignment="1">
      <alignment horizontal="distributed" vertical="center"/>
    </xf>
    <xf numFmtId="0" fontId="5" fillId="0" borderId="0" xfId="0" applyFont="1" applyAlignment="1">
      <alignment horizontal="center" vertical="center"/>
    </xf>
    <xf numFmtId="0" fontId="5" fillId="0" borderId="0" xfId="0" applyFont="1">
      <alignment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/>
  <dimension ref="A1:V28"/>
  <sheetViews>
    <sheetView tabSelected="1" view="pageBreakPreview" zoomScaleNormal="115" zoomScaleSheetLayoutView="100" workbookViewId="0">
      <selection sqref="A1:K1"/>
    </sheetView>
  </sheetViews>
  <sheetFormatPr defaultRowHeight="14.25"/>
  <cols>
    <col min="1" max="1" width="1.75" style="1" customWidth="1"/>
    <col min="2" max="2" width="9.37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37.5" customHeight="1">
      <c r="A1" s="29" t="s">
        <v>0</v>
      </c>
      <c r="B1" s="29"/>
      <c r="C1" s="29"/>
      <c r="D1" s="29"/>
      <c r="E1" s="29"/>
      <c r="F1" s="29"/>
      <c r="G1" s="29"/>
      <c r="H1" s="29"/>
      <c r="I1" s="29"/>
      <c r="J1" s="29"/>
      <c r="K1" s="29"/>
    </row>
    <row r="2" spans="1:22" ht="18.75" customHeight="1">
      <c r="A2" s="2"/>
      <c r="B2" s="2"/>
      <c r="C2" s="2"/>
      <c r="D2" s="2"/>
      <c r="E2" s="2"/>
      <c r="F2" s="2"/>
      <c r="G2" s="2"/>
      <c r="H2" s="2"/>
      <c r="I2" s="2"/>
      <c r="J2" s="2"/>
      <c r="K2" s="2"/>
    </row>
    <row r="3" spans="1:22" ht="18.75" customHeight="1" thickBot="1">
      <c r="A3" s="30" t="s">
        <v>1</v>
      </c>
      <c r="B3" s="30"/>
      <c r="C3" s="30"/>
      <c r="I3" s="31" t="s">
        <v>27</v>
      </c>
      <c r="J3" s="31"/>
      <c r="K3" s="31"/>
    </row>
    <row r="4" spans="1:22" ht="11.25" customHeight="1">
      <c r="A4" s="32" t="s">
        <v>2</v>
      </c>
      <c r="B4" s="33"/>
      <c r="C4" s="33"/>
      <c r="D4" s="38" t="s">
        <v>3</v>
      </c>
      <c r="E4" s="40" t="s">
        <v>4</v>
      </c>
      <c r="F4" s="43" t="s">
        <v>5</v>
      </c>
      <c r="G4" s="3"/>
      <c r="H4" s="4"/>
      <c r="I4" s="4"/>
      <c r="J4" s="4"/>
      <c r="K4" s="5"/>
    </row>
    <row r="5" spans="1:22" ht="11.25" customHeight="1">
      <c r="A5" s="34"/>
      <c r="B5" s="35"/>
      <c r="C5" s="35"/>
      <c r="D5" s="39"/>
      <c r="E5" s="41"/>
      <c r="F5" s="44"/>
      <c r="G5" s="6"/>
      <c r="H5" s="46" t="s">
        <v>6</v>
      </c>
      <c r="I5" s="7"/>
      <c r="J5" s="46" t="s">
        <v>7</v>
      </c>
      <c r="K5" s="8"/>
    </row>
    <row r="6" spans="1:22" ht="15" customHeight="1">
      <c r="A6" s="36"/>
      <c r="B6" s="37"/>
      <c r="C6" s="37"/>
      <c r="D6" s="39"/>
      <c r="E6" s="42"/>
      <c r="F6" s="45"/>
      <c r="G6" s="9" t="s">
        <v>8</v>
      </c>
      <c r="H6" s="39"/>
      <c r="I6" s="9" t="s">
        <v>8</v>
      </c>
      <c r="J6" s="39"/>
      <c r="K6" s="10" t="s">
        <v>8</v>
      </c>
    </row>
    <row r="7" spans="1:22" ht="10.5" customHeight="1">
      <c r="A7" s="11"/>
      <c r="B7" s="12"/>
      <c r="C7" s="12"/>
      <c r="D7" s="13" t="s">
        <v>9</v>
      </c>
      <c r="E7" s="13" t="s">
        <v>10</v>
      </c>
      <c r="F7" s="14" t="s">
        <v>9</v>
      </c>
      <c r="G7" s="13" t="s">
        <v>10</v>
      </c>
      <c r="H7" s="13" t="s">
        <v>9</v>
      </c>
      <c r="I7" s="13" t="s">
        <v>11</v>
      </c>
      <c r="J7" s="13" t="s">
        <v>9</v>
      </c>
      <c r="K7" s="15" t="s">
        <v>10</v>
      </c>
    </row>
    <row r="8" spans="1:22" ht="11.25" customHeight="1">
      <c r="A8" s="11"/>
      <c r="B8" s="12"/>
      <c r="C8" s="12"/>
      <c r="D8" s="13"/>
      <c r="E8" s="13"/>
      <c r="F8" s="14"/>
      <c r="G8" s="13"/>
      <c r="H8" s="13"/>
      <c r="I8" s="13"/>
      <c r="J8" s="13"/>
      <c r="K8" s="15"/>
    </row>
    <row r="9" spans="1:22" ht="26.25" customHeight="1">
      <c r="A9" s="16"/>
      <c r="B9" s="17" t="s">
        <v>12</v>
      </c>
      <c r="C9" s="12"/>
      <c r="D9" s="18">
        <v>9231177</v>
      </c>
      <c r="E9" s="19">
        <v>100</v>
      </c>
      <c r="F9" s="20">
        <v>-5160</v>
      </c>
      <c r="G9" s="21">
        <v>-0.06</v>
      </c>
      <c r="H9" s="18">
        <v>-29983</v>
      </c>
      <c r="I9" s="21">
        <v>-0.32</v>
      </c>
      <c r="J9" s="18">
        <v>24823</v>
      </c>
      <c r="K9" s="22">
        <v>0.27</v>
      </c>
    </row>
    <row r="10" spans="1:22" ht="26.25" customHeight="1">
      <c r="A10" s="16"/>
      <c r="B10" s="17" t="s">
        <v>13</v>
      </c>
      <c r="C10" s="12"/>
      <c r="D10" s="18">
        <v>3772029</v>
      </c>
      <c r="E10" s="19">
        <v>40.861842428110741</v>
      </c>
      <c r="F10" s="20">
        <v>-4257</v>
      </c>
      <c r="G10" s="21">
        <v>-0.11</v>
      </c>
      <c r="H10" s="18">
        <v>-11457</v>
      </c>
      <c r="I10" s="21">
        <v>-0.3</v>
      </c>
      <c r="J10" s="18">
        <v>7200</v>
      </c>
      <c r="K10" s="22">
        <v>0.19</v>
      </c>
    </row>
    <row r="11" spans="1:22" ht="26.25" customHeight="1">
      <c r="A11" s="16"/>
      <c r="B11" s="17" t="s">
        <v>14</v>
      </c>
      <c r="C11" s="12"/>
      <c r="D11" s="18">
        <v>1538825</v>
      </c>
      <c r="E11" s="19">
        <v>16.669867775257693</v>
      </c>
      <c r="F11" s="20">
        <v>692</v>
      </c>
      <c r="G11" s="21">
        <v>0.04</v>
      </c>
      <c r="H11" s="18">
        <v>-156</v>
      </c>
      <c r="I11" s="21">
        <v>-0.01</v>
      </c>
      <c r="J11" s="18">
        <v>848</v>
      </c>
      <c r="K11" s="22">
        <v>0.06</v>
      </c>
    </row>
    <row r="12" spans="1:22" ht="26.25" customHeight="1">
      <c r="A12" s="16"/>
      <c r="B12" s="17" t="s">
        <v>15</v>
      </c>
      <c r="C12" s="12"/>
      <c r="D12" s="18">
        <v>685839</v>
      </c>
      <c r="E12" s="19">
        <v>7.4295942976719003</v>
      </c>
      <c r="F12" s="20">
        <v>-4919</v>
      </c>
      <c r="G12" s="21">
        <v>-0.71</v>
      </c>
      <c r="H12" s="18">
        <v>-5686</v>
      </c>
      <c r="I12" s="21">
        <v>-0.82</v>
      </c>
      <c r="J12" s="18">
        <v>767</v>
      </c>
      <c r="K12" s="22">
        <v>0.11</v>
      </c>
    </row>
    <row r="13" spans="1:22" ht="26.25" customHeight="1">
      <c r="A13" s="16"/>
      <c r="B13" s="17" t="s">
        <v>16</v>
      </c>
      <c r="C13" s="12"/>
      <c r="D13" s="18">
        <v>1586768</v>
      </c>
      <c r="E13" s="19">
        <v>17.228485143013533</v>
      </c>
      <c r="F13" s="20">
        <v>2129</v>
      </c>
      <c r="G13" s="21">
        <v>0.13</v>
      </c>
      <c r="H13" s="18">
        <v>-4997</v>
      </c>
      <c r="I13" s="21">
        <v>-0.32</v>
      </c>
      <c r="J13" s="18">
        <v>7126</v>
      </c>
      <c r="K13" s="22">
        <v>0.45</v>
      </c>
    </row>
    <row r="14" spans="1:22" ht="26.25" customHeight="1">
      <c r="A14" s="16"/>
      <c r="B14" s="17" t="s">
        <v>17</v>
      </c>
      <c r="C14" s="12"/>
      <c r="D14" s="18">
        <v>1313636</v>
      </c>
      <c r="E14" s="19">
        <v>14.23042803750811</v>
      </c>
      <c r="F14" s="20">
        <v>3234</v>
      </c>
      <c r="G14" s="21">
        <v>0.25</v>
      </c>
      <c r="H14" s="18">
        <v>-5088</v>
      </c>
      <c r="I14" s="21">
        <v>-0.39</v>
      </c>
      <c r="J14" s="18">
        <v>8322</v>
      </c>
      <c r="K14" s="22">
        <v>0.64</v>
      </c>
    </row>
    <row r="15" spans="1:22" s="1" customFormat="1" ht="26.25" customHeight="1">
      <c r="A15" s="16"/>
      <c r="B15" s="17" t="s">
        <v>18</v>
      </c>
      <c r="C15" s="12"/>
      <c r="D15" s="18">
        <v>334080</v>
      </c>
      <c r="E15" s="19">
        <v>3.6190401289023058</v>
      </c>
      <c r="F15" s="20">
        <v>-2039</v>
      </c>
      <c r="G15" s="21">
        <v>-0.61</v>
      </c>
      <c r="H15" s="18">
        <v>-2599</v>
      </c>
      <c r="I15" s="21">
        <v>-0.77</v>
      </c>
      <c r="J15" s="18">
        <v>560</v>
      </c>
      <c r="K15" s="22">
        <v>0.17</v>
      </c>
      <c r="S15"/>
      <c r="T15"/>
      <c r="U15"/>
      <c r="V15"/>
    </row>
    <row r="16" spans="1:22" s="1" customFormat="1" ht="15" customHeight="1" thickBot="1">
      <c r="A16" s="23"/>
      <c r="B16" s="24"/>
      <c r="C16" s="24"/>
      <c r="D16" s="25"/>
      <c r="E16" s="26"/>
      <c r="F16" s="27"/>
      <c r="G16" s="25"/>
      <c r="H16" s="25"/>
      <c r="I16" s="25"/>
      <c r="J16" s="25"/>
      <c r="K16" s="28"/>
      <c r="S16"/>
      <c r="T16"/>
      <c r="U16"/>
      <c r="V16"/>
    </row>
    <row r="17" spans="1:22" s="1" customFormat="1" ht="11.25" customHeight="1">
      <c r="A17" s="47" t="s">
        <v>29</v>
      </c>
      <c r="B17" s="47"/>
      <c r="C17" s="47"/>
      <c r="D17" s="47"/>
      <c r="E17" s="47"/>
      <c r="F17" s="47"/>
      <c r="G17" s="47"/>
      <c r="H17" s="47"/>
      <c r="I17" s="47"/>
      <c r="J17" s="47"/>
      <c r="K17" s="47"/>
      <c r="S17"/>
      <c r="T17"/>
      <c r="U17"/>
      <c r="V17"/>
    </row>
    <row r="21" spans="1:22" ht="18.75" customHeight="1">
      <c r="A21" s="48" t="s">
        <v>28</v>
      </c>
      <c r="B21" s="48"/>
      <c r="C21" s="48"/>
      <c r="D21" s="48"/>
      <c r="E21" s="48"/>
      <c r="F21" s="48"/>
      <c r="G21" s="48"/>
      <c r="H21" s="48"/>
      <c r="I21" s="48"/>
      <c r="J21" s="48"/>
      <c r="K21" s="48"/>
    </row>
    <row r="22" spans="1:22">
      <c r="A22" s="49"/>
      <c r="B22" s="49"/>
      <c r="C22" s="49"/>
      <c r="D22" s="49"/>
      <c r="E22" s="49"/>
      <c r="F22" s="49"/>
      <c r="G22" s="49"/>
      <c r="H22" s="49"/>
      <c r="I22" s="49"/>
      <c r="J22" s="49"/>
      <c r="K22" s="49"/>
    </row>
    <row r="23" spans="1:22" ht="18.75" customHeight="1">
      <c r="A23" s="49"/>
      <c r="B23" s="50" t="s">
        <v>13</v>
      </c>
      <c r="C23" s="49"/>
      <c r="D23" s="51" t="s">
        <v>19</v>
      </c>
      <c r="E23" s="52" t="s">
        <v>20</v>
      </c>
      <c r="F23" s="52"/>
      <c r="G23" s="52"/>
      <c r="H23" s="52"/>
      <c r="I23" s="52"/>
      <c r="J23" s="52"/>
      <c r="K23" s="52"/>
    </row>
    <row r="24" spans="1:22" ht="18.75" customHeight="1">
      <c r="A24" s="49"/>
      <c r="B24" s="50" t="s">
        <v>14</v>
      </c>
      <c r="C24" s="49"/>
      <c r="D24" s="51" t="s">
        <v>21</v>
      </c>
      <c r="E24" s="52" t="s">
        <v>22</v>
      </c>
      <c r="F24" s="52"/>
      <c r="G24" s="52"/>
      <c r="H24" s="52"/>
      <c r="I24" s="52"/>
      <c r="J24" s="52"/>
      <c r="K24" s="52"/>
    </row>
    <row r="25" spans="1:22" ht="18.75" customHeight="1">
      <c r="A25" s="49"/>
      <c r="B25" s="50" t="s">
        <v>15</v>
      </c>
      <c r="C25" s="49"/>
      <c r="D25" s="51" t="s">
        <v>19</v>
      </c>
      <c r="E25" s="52" t="s">
        <v>23</v>
      </c>
      <c r="F25" s="52"/>
      <c r="G25" s="52"/>
      <c r="H25" s="52"/>
      <c r="I25" s="52"/>
      <c r="J25" s="52"/>
      <c r="K25" s="52"/>
    </row>
    <row r="26" spans="1:22" ht="18.75" customHeight="1">
      <c r="A26" s="49"/>
      <c r="B26" s="50" t="s">
        <v>16</v>
      </c>
      <c r="C26" s="49"/>
      <c r="D26" s="51" t="s">
        <v>19</v>
      </c>
      <c r="E26" s="52" t="s">
        <v>24</v>
      </c>
      <c r="F26" s="52"/>
      <c r="G26" s="52"/>
      <c r="H26" s="52"/>
      <c r="I26" s="52"/>
      <c r="J26" s="52"/>
      <c r="K26" s="52"/>
    </row>
    <row r="27" spans="1:22" ht="18.75" customHeight="1">
      <c r="A27" s="49"/>
      <c r="B27" s="50" t="s">
        <v>17</v>
      </c>
      <c r="C27" s="49"/>
      <c r="D27" s="51" t="s">
        <v>19</v>
      </c>
      <c r="E27" s="52" t="s">
        <v>25</v>
      </c>
      <c r="F27" s="52"/>
      <c r="G27" s="52"/>
      <c r="H27" s="52"/>
      <c r="I27" s="52"/>
      <c r="J27" s="52"/>
      <c r="K27" s="52"/>
    </row>
    <row r="28" spans="1:22" ht="18.75" customHeight="1">
      <c r="A28" s="49"/>
      <c r="B28" s="50" t="s">
        <v>18</v>
      </c>
      <c r="C28" s="49"/>
      <c r="D28" s="51" t="s">
        <v>19</v>
      </c>
      <c r="E28" s="52" t="s">
        <v>26</v>
      </c>
      <c r="F28" s="52"/>
      <c r="G28" s="52"/>
      <c r="H28" s="52"/>
      <c r="I28" s="52"/>
      <c r="J28" s="52"/>
      <c r="K28" s="52"/>
    </row>
  </sheetData>
  <mergeCells count="17">
    <mergeCell ref="E27:K27"/>
    <mergeCell ref="E28:K28"/>
    <mergeCell ref="A17:K17"/>
    <mergeCell ref="A21:K21"/>
    <mergeCell ref="E23:K23"/>
    <mergeCell ref="E24:K24"/>
    <mergeCell ref="E25:K25"/>
    <mergeCell ref="E26:K26"/>
    <mergeCell ref="A1:K1"/>
    <mergeCell ref="A3:C3"/>
    <mergeCell ref="I3:K3"/>
    <mergeCell ref="A4:C6"/>
    <mergeCell ref="D4:D6"/>
    <mergeCell ref="E4:E6"/>
    <mergeCell ref="F4:F6"/>
    <mergeCell ref="H5:H6"/>
    <mergeCell ref="J5:J6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10表</vt:lpstr>
      <vt:lpstr>第10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2-03T06:54:10Z</cp:lastPrinted>
  <dcterms:created xsi:type="dcterms:W3CDTF">2022-02-03T06:47:37Z</dcterms:created>
  <dcterms:modified xsi:type="dcterms:W3CDTF">2022-02-16T00:39:50Z</dcterms:modified>
</cp:coreProperties>
</file>